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lsx" ContentType="application/vnd.openxmlformats-officedocument.spreadsheetml.sheet"/>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66925"/>
  <mc:AlternateContent xmlns:mc="http://schemas.openxmlformats.org/markup-compatibility/2006">
    <mc:Choice Requires="x15">
      <x15ac:absPath xmlns:x15ac="http://schemas.microsoft.com/office/spreadsheetml/2010/11/ac" url="C:\Users\s2024637\Documents\Tenders\Fleet Tender Pack\Questions and Answers\"/>
    </mc:Choice>
  </mc:AlternateContent>
  <xr:revisionPtr revIDLastSave="0" documentId="8_{D4E650D4-6DBB-489B-A0B8-9586DA8B7BCC}" xr6:coauthVersionLast="47" xr6:coauthVersionMax="47" xr10:uidLastSave="{00000000-0000-0000-0000-000000000000}"/>
  <bookViews>
    <workbookView xWindow="-120" yWindow="-120" windowWidth="20730" windowHeight="11160" xr2:uid="{96FA8A28-4D59-4ABE-A8E0-81DCA369A883}"/>
  </bookViews>
  <sheets>
    <sheet name="Sheet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sharedStrings.xml><?xml version="1.0" encoding="utf-8"?>
<sst xmlns="http://schemas.openxmlformats.org/spreadsheetml/2006/main" count="55" uniqueCount="54">
  <si>
    <t xml:space="preserve">Question </t>
  </si>
  <si>
    <t>No</t>
  </si>
  <si>
    <t>Answer</t>
  </si>
  <si>
    <t>May I kindly request claiming history for SARS vehicles.</t>
  </si>
  <si>
    <t>Please assist with indications of your average monthly fleet management [repairs, maintenance, fuel, toll, etc.] expenditure.</t>
  </si>
  <si>
    <t xml:space="preserve">We are currently working on the above-mentioned tender and were wondering if it is possible to get a list of the fleet that SARS currently has including the following:
-	Makes &amp; Model
-	Quantities </t>
  </si>
  <si>
    <t>What are the size of the Boats?</t>
  </si>
  <si>
    <t>•	2 x HULL Boats – Length 8.9meters Beam 3.00 meters
•	2x STRIKER Boats–– Length 6.8 meters – Beam 2.6m
•	RUBER DUCK BUCCANEER– Length 5 meters – Beam 1 meter</t>
  </si>
  <si>
    <t>Operation all sea or some freshwater?</t>
  </si>
  <si>
    <t xml:space="preserve">•	Seawater – 4 boats are used in sea water only (i.e., Hull and Striker ). 
•	Sea and freshwater -2 rubber duck boats used in both fresh and sea water. </t>
  </si>
  <si>
    <t>•	Our seaworthy certificates are processed via SAMSA (South African Maritime Safety Authority) and need to meet the requirements as per the small craft Regulations /Act in order to obtain the Local General Safety Certificate (LGSC), which the boat has to comply with each year.</t>
  </si>
  <si>
    <t xml:space="preserve">	Table 1: Fleet Management Fee| Does this need to be costed for by item line e.g., Fleet Admin, Vehicle Telematics, Day to day managed maintenance – or should bidders provide a consolidated management fee per vehicle </t>
  </si>
  <si>
    <t>Are bidders allowed to conduct a site inspection which will assist in seaworthy certifications</t>
  </si>
  <si>
    <t>•	Yes, it will consolidate management fee per vehicle category.</t>
  </si>
  <si>
    <t>As the document says that we can submit online and physically, would we be disqualified if we submit using both methods?</t>
  </si>
  <si>
    <t xml:space="preserve">•	Bidders will not be disqualified for using both submission platforms. </t>
  </si>
  <si>
    <t>Pricing (Table 7 [Ad-hoc Service Requests]) Fuel management: Speedboats, Jet ski’s Quad bikes, Core manager &amp; single tank Volumetric fuel gauge monitor.
o	What is meant by the following?
	Core manager &amp; single tank Volumetric fuel gauge monitor</t>
  </si>
  <si>
    <t>•	SARS has a number of boats, and some come with fuel gauge monitors. The Service provider can provide a quote for servicing such if they are able to do so.</t>
  </si>
  <si>
    <t>Where are these units based?</t>
  </si>
  <si>
    <t>And how do we get access to them?</t>
  </si>
  <si>
    <t xml:space="preserve">The Service Provider will liaise directly with SARS fleet management based at Head office who will provide the list of the responsible SARS Transport Officers to based at each SARS location to facilitate to these units. </t>
  </si>
  <si>
    <t>How often do these units need to be fueled?</t>
  </si>
  <si>
    <t>Frequency of refueling is driven by operation requirements.</t>
  </si>
  <si>
    <t>Does SARS have fuel trailer bowsers?</t>
  </si>
  <si>
    <t>Yes,  as per attached i.e., 15 Diesel Bowsers and 3 Hammer Mills (cigarette/ tabaco shredders) .</t>
  </si>
  <si>
    <t>What is the average percentage (%) of vehicles across the border at a time?</t>
  </si>
  <si>
    <t>Minimum 2 vehicles per month.</t>
  </si>
  <si>
    <t>And once vehicle recovery is completed, can we re-bill after the incident to recover costs?</t>
  </si>
  <si>
    <t>Yes, rebill occur after an incident.</t>
  </si>
  <si>
    <t>For cross-border recovery, please confirm the neighboring countries and its cities that we will be recovering from?</t>
  </si>
  <si>
    <t>•	We do not visit specific cities in the countries listed below but we cross boarders when going to SARS Customs boarder locations. 
•	Botswana, Lesotho, Swaziland, Namibia, Mozambique and Zimbabwe.</t>
  </si>
  <si>
    <t>Will SARS provide specifications for accessories, for example, kennels or will the winning bidder be requested to provide this?</t>
  </si>
  <si>
    <t>•	Yes, SARS will provide the specs for to enable the Service provider to provide advice however SARS will source the branding / customization requirements via the normal procurement process from third parties .</t>
  </si>
  <si>
    <t>What are the criteria that SARS uses to determine if a vehicle is roadworthy?</t>
  </si>
  <si>
    <t>•	SARS expects the appointed service Provider to ensure that all SARS vehicles comply with all the requirements to ensure they are roadworthy.</t>
  </si>
  <si>
    <t>Will expectations of roadworthiness and vehicle condition be based on SAVRALA fair wear and tear guide, or will SARS provide their own expectations?</t>
  </si>
  <si>
    <t>•	SARS expects the appointed service Provider to ensure that all SARS vehicles comply with all the requirements to ensure they are roadworthy and complies with all the requirements of the law.
•	The Service Provider must undertake a physical verification of all SARS vehicles annually and ensure they are in a roadworthy condition .</t>
  </si>
  <si>
    <t>This clause states that SARS to provide the T &amp; Cs for the 3 written quotes.  
Will this be for -
•	all maintenance requests, or 
•	specific incidents or 
•	on request from SARS?</t>
  </si>
  <si>
    <t>•	As a minimum we expect 3 quotations unless there is only one Service Merchant closest to that specific SARS office in which case then one quote will be acceptable.
•	The following types of services 
o	Maintenance repairs. 
o	Incident and Accident-related repairs</t>
  </si>
  <si>
    <t>Regarding follow-ups on maintenance repair times, is this for 
•	all maintenance requests or 
•	specific incidents, or 
•	on request from SARS?</t>
  </si>
  <si>
    <t xml:space="preserve">•	Yes, the service provider must follow up on all service and maintenance requests including incidents. </t>
  </si>
  <si>
    <t>•	What are the requirements for pre &amp; post inspections?
•	Who will be responsible for these pre and post inspections: 
o	SARS or
o	The winning bidder or
o	The dealer? 
•	Will this inspection be related to-
o	the maintenance repairs or 
o	relate to a vehicle condition report?</t>
  </si>
  <si>
    <t xml:space="preserve">•	The Appointed Service Provider must conduct the pre and post inspections via their appointed dealer / repair merchant and be able to provider a the pre and post service / repair inspection report if requested by SARS.
•	The pre and post inspection is related to Service , Maintenance and Repairs. </t>
  </si>
  <si>
    <t xml:space="preserve">•	Will the Net Book Value (NBV) be supplied by 
o	SARS, or 
o	do we use the MM code trade or retail prices 
to incorporate into our decision/s?
•	When it relates to maintenance repairs being uneconomical, will previous maintenance history be provided? </t>
  </si>
  <si>
    <t>•	Appointed Service Provider will provide SARS with an offer price based on the Retail value as per MM code trade and final decision will be with SARS Fleet Management.
•	Yes, the previous maintenance history will be provided.</t>
  </si>
  <si>
    <t>From the requirements, biometrics would be the only option to fully comply with all of the SARS requirements.
Would this fitment be mandatory on all vehicles in the SARS fleet?</t>
  </si>
  <si>
    <t>SARS current fleet size is subject to change and currently 
•	All SARS vehicles are fitted with tracking units.
•	898 vehicles are fitted with drivers tag readers except for 6 vehicles belonging to VIP section.
•	NO, Motorcycles and boats are not fitted with tracking or Tag reader units</t>
  </si>
  <si>
    <t>What is the required period to provide fuel cards once ordered?</t>
  </si>
  <si>
    <t>The Appointed Service provider must always ensure that new fuel cards are ordered and delivered fuel cards prior to expiry of existing cards.</t>
  </si>
  <si>
    <t>Would SARS consider recommendations from bidders to dispose of vehicles due to excessive maintenance costs in relation to Net Book Value (NBV)?</t>
  </si>
  <si>
    <t xml:space="preserve">•	Yes , SARS expects the Service provider to provide recommendations to dispose of vehicles due to excessive maintenance costs but the decision will be in relation to Retail value as per MM code trade. </t>
  </si>
  <si>
    <t>Will SARS provide all special fitments/accessories on their vehicles?</t>
  </si>
  <si>
    <t>At which point of the tendering process will the live demonstrations be required?</t>
  </si>
  <si>
    <t xml:space="preserve">The live demonstration will be conducted during the technical evaluation process. Bidders will be invited for a live demonstration.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 x14ac:knownFonts="1">
    <font>
      <sz val="11"/>
      <color theme="1"/>
      <name val="Calibri"/>
      <family val="2"/>
      <scheme val="minor"/>
    </font>
    <font>
      <b/>
      <sz val="11"/>
      <color theme="1"/>
      <name val="Arial"/>
      <family val="2"/>
    </font>
    <font>
      <sz val="11"/>
      <color theme="1"/>
      <name val="Arial"/>
      <family val="2"/>
    </font>
    <font>
      <sz val="11"/>
      <color rgb="FF0070C0"/>
      <name val="Arial"/>
      <family val="2"/>
    </font>
  </fonts>
  <fills count="3">
    <fill>
      <patternFill patternType="none"/>
    </fill>
    <fill>
      <patternFill patternType="gray125"/>
    </fill>
    <fill>
      <patternFill patternType="solid">
        <fgColor theme="0" tint="-0.249977111117893"/>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10">
    <xf numFmtId="0" fontId="0" fillId="0" borderId="0" xfId="0"/>
    <xf numFmtId="0" fontId="1" fillId="2" borderId="1" xfId="0" applyFont="1" applyFill="1" applyBorder="1"/>
    <xf numFmtId="0" fontId="2" fillId="0" borderId="0" xfId="0" applyFont="1"/>
    <xf numFmtId="0" fontId="2" fillId="0" borderId="1" xfId="0" applyFont="1" applyBorder="1"/>
    <xf numFmtId="0" fontId="2" fillId="0" borderId="1" xfId="0" applyFont="1" applyBorder="1" applyAlignment="1">
      <alignment vertical="top" wrapText="1"/>
    </xf>
    <xf numFmtId="0" fontId="2" fillId="0" borderId="1" xfId="0" applyFont="1" applyBorder="1" applyAlignment="1">
      <alignment wrapText="1"/>
    </xf>
    <xf numFmtId="0" fontId="3" fillId="0" borderId="1" xfId="0" applyFont="1" applyBorder="1" applyAlignment="1">
      <alignment wrapText="1"/>
    </xf>
    <xf numFmtId="0" fontId="2" fillId="0" borderId="1" xfId="0" applyFont="1" applyBorder="1" applyAlignment="1">
      <alignment vertical="center" wrapText="1"/>
    </xf>
    <xf numFmtId="0" fontId="2" fillId="0" borderId="1" xfId="0" applyFont="1" applyBorder="1" applyAlignment="1">
      <alignment vertical="center"/>
    </xf>
    <xf numFmtId="0" fontId="2" fillId="0" borderId="0" xfId="0" applyFont="1" applyAlignment="1">
      <alignment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vmlDrawing1.v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image" Target="../media/image1.emf"/><Relationship Id="rId5" Type="http://schemas.openxmlformats.org/officeDocument/2006/relationships/image" Target="../media/image5.emf"/><Relationship Id="rId4" Type="http://schemas.openxmlformats.org/officeDocument/2006/relationships/image" Target="../media/image4.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881063</xdr:colOff>
          <xdr:row>4</xdr:row>
          <xdr:rowOff>273844</xdr:rowOff>
        </xdr:from>
        <xdr:to>
          <xdr:col>3</xdr:col>
          <xdr:colOff>2607469</xdr:colOff>
          <xdr:row>4</xdr:row>
          <xdr:rowOff>1577641</xdr:rowOff>
        </xdr:to>
        <xdr:sp macro="" textlink="">
          <xdr:nvSpPr>
            <xdr:cNvPr id="1028" name="Object 4" hidden="1">
              <a:extLst>
                <a:ext uri="{63B3BB69-23CF-44E3-9099-C40C66FF867C}">
                  <a14:compatExt spid="_x0000_s1028"/>
                </a:ext>
                <a:ext uri="{FF2B5EF4-FFF2-40B4-BE49-F238E27FC236}">
                  <a16:creationId xmlns:a16="http://schemas.microsoft.com/office/drawing/2014/main" id="{CD721689-C6C5-483C-AD44-96B405C275B9}"/>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prstDash val="solid"/>
              <a:miter lim="800000"/>
              <a:headEnd/>
              <a:tailEnd type="none" w="med" len="med"/>
            </a:ln>
            <a:effectLst/>
            <a:extLst>
              <a:ext uri="{AF507438-7753-43E0-B8FC-AC1667EBCBE1}">
                <a14:hiddenEffects>
                  <a:effectLst>
                    <a:outerShdw dist="35921" dir="2700000" algn="ctr" rotWithShape="0">
                      <a:srgbClr val="808080"/>
                    </a:outerShdw>
                  </a:effectLst>
                </a14:hiddenEffects>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71499</xdr:colOff>
          <xdr:row>5</xdr:row>
          <xdr:rowOff>583407</xdr:rowOff>
        </xdr:from>
        <xdr:to>
          <xdr:col>3</xdr:col>
          <xdr:colOff>2214563</xdr:colOff>
          <xdr:row>5</xdr:row>
          <xdr:rowOff>1815705</xdr:rowOff>
        </xdr:to>
        <xdr:sp macro="" textlink="">
          <xdr:nvSpPr>
            <xdr:cNvPr id="1029" name="Object 5" hidden="1">
              <a:extLst>
                <a:ext uri="{63B3BB69-23CF-44E3-9099-C40C66FF867C}">
                  <a14:compatExt spid="_x0000_s1029"/>
                </a:ext>
                <a:ext uri="{FF2B5EF4-FFF2-40B4-BE49-F238E27FC236}">
                  <a16:creationId xmlns:a16="http://schemas.microsoft.com/office/drawing/2014/main" id="{472DFCB6-5E49-4EEE-9B99-2AA2E94A0510}"/>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prstDash val="solid"/>
              <a:miter lim="800000"/>
              <a:headEnd/>
              <a:tailEnd type="none" w="med" len="med"/>
            </a:ln>
            <a:effectLst/>
            <a:extLst>
              <a:ext uri="{AF507438-7753-43E0-B8FC-AC1667EBCBE1}">
                <a14:hiddenEffects>
                  <a:effectLst>
                    <a:outerShdw dist="35921" dir="2700000" algn="ctr" rotWithShape="0">
                      <a:srgbClr val="808080"/>
                    </a:outerShdw>
                  </a:effectLst>
                </a14:hiddenEffects>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2833688</xdr:colOff>
          <xdr:row>5</xdr:row>
          <xdr:rowOff>559593</xdr:rowOff>
        </xdr:from>
        <xdr:to>
          <xdr:col>3</xdr:col>
          <xdr:colOff>4548188</xdr:colOff>
          <xdr:row>5</xdr:row>
          <xdr:rowOff>1845468</xdr:rowOff>
        </xdr:to>
        <xdr:sp macro="" textlink="">
          <xdr:nvSpPr>
            <xdr:cNvPr id="1030" name="Object 6" hidden="1">
              <a:extLst>
                <a:ext uri="{63B3BB69-23CF-44E3-9099-C40C66FF867C}">
                  <a14:compatExt spid="_x0000_s1030"/>
                </a:ext>
                <a:ext uri="{FF2B5EF4-FFF2-40B4-BE49-F238E27FC236}">
                  <a16:creationId xmlns:a16="http://schemas.microsoft.com/office/drawing/2014/main" id="{650EBC42-FF8B-4EE1-80ED-931EF6D0BFCB}"/>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prstDash val="solid"/>
              <a:miter lim="800000"/>
              <a:headEnd/>
              <a:tailEnd type="none" w="med" len="med"/>
            </a:ln>
            <a:effectLst/>
            <a:extLst>
              <a:ext uri="{AF507438-7753-43E0-B8FC-AC1667EBCBE1}">
                <a14:hiddenEffects>
                  <a:effectLst>
                    <a:outerShdw dist="35921" dir="2700000" algn="ctr" rotWithShape="0">
                      <a:srgbClr val="808080"/>
                    </a:outerShdw>
                  </a:effectLst>
                </a14:hiddenEffects>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333499</xdr:colOff>
          <xdr:row>6</xdr:row>
          <xdr:rowOff>95249</xdr:rowOff>
        </xdr:from>
        <xdr:to>
          <xdr:col>3</xdr:col>
          <xdr:colOff>2821780</xdr:colOff>
          <xdr:row>6</xdr:row>
          <xdr:rowOff>1211460</xdr:rowOff>
        </xdr:to>
        <xdr:sp macro="" textlink="">
          <xdr:nvSpPr>
            <xdr:cNvPr id="1031" name="Object 7" hidden="1">
              <a:extLst>
                <a:ext uri="{63B3BB69-23CF-44E3-9099-C40C66FF867C}">
                  <a14:compatExt spid="_x0000_s1031"/>
                </a:ext>
                <a:ext uri="{FF2B5EF4-FFF2-40B4-BE49-F238E27FC236}">
                  <a16:creationId xmlns:a16="http://schemas.microsoft.com/office/drawing/2014/main" id="{0619D91C-9F9D-46AD-8E47-175AB7DF3629}"/>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prstDash val="solid"/>
              <a:miter lim="800000"/>
              <a:headEnd/>
              <a:tailEnd type="none" w="med" len="med"/>
            </a:ln>
            <a:effectLst/>
            <a:extLst>
              <a:ext uri="{AF507438-7753-43E0-B8FC-AC1667EBCBE1}">
                <a14:hiddenEffects>
                  <a:effectLst>
                    <a:outerShdw dist="35921" dir="2700000" algn="ctr" rotWithShape="0">
                      <a:srgbClr val="808080"/>
                    </a:outerShdw>
                  </a:effectLst>
                </a14:hiddenEffects>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012030</xdr:colOff>
          <xdr:row>13</xdr:row>
          <xdr:rowOff>95250</xdr:rowOff>
        </xdr:from>
        <xdr:to>
          <xdr:col>3</xdr:col>
          <xdr:colOff>2476499</xdr:colOff>
          <xdr:row>13</xdr:row>
          <xdr:rowOff>1193602</xdr:rowOff>
        </xdr:to>
        <xdr:sp macro="" textlink="">
          <xdr:nvSpPr>
            <xdr:cNvPr id="1032" name="Object 8" hidden="1">
              <a:extLst>
                <a:ext uri="{63B3BB69-23CF-44E3-9099-C40C66FF867C}">
                  <a14:compatExt spid="_x0000_s1032"/>
                </a:ext>
                <a:ext uri="{FF2B5EF4-FFF2-40B4-BE49-F238E27FC236}">
                  <a16:creationId xmlns:a16="http://schemas.microsoft.com/office/drawing/2014/main" id="{2E71F589-0CD5-43A4-8453-114FEAA74A9E}"/>
                </a:ext>
              </a:extLst>
            </xdr:cNvPr>
            <xdr:cNvSpPr/>
          </xdr:nvSpPr>
          <xdr:spPr bwMode="auto">
            <a:xfrm>
              <a:off x="0" y="0"/>
              <a:ext cx="0" cy="0"/>
            </a:xfrm>
            <a:prstGeom prst="rect">
              <a:avLst/>
            </a:prstGeom>
            <a:solidFill>
              <a:srgbClr val="FFFFFF" mc:Ignorable="a14" a14:legacySpreadsheetColorIndex="65"/>
            </a:solidFill>
            <a:ln w="9525">
              <a:solidFill>
                <a:srgbClr val="000000" mc:Ignorable="a14" a14:legacySpreadsheetColorIndex="64"/>
              </a:solidFill>
              <a:prstDash val="solid"/>
              <a:miter lim="800000"/>
              <a:headEnd/>
              <a:tailEnd type="none" w="med" len="med"/>
            </a:ln>
            <a:effectLst/>
            <a:extLst>
              <a:ext uri="{AF507438-7753-43E0-B8FC-AC1667EBCBE1}">
                <a14:hiddenEffects>
                  <a:effectLst>
                    <a:outerShdw dist="35921" dir="2700000" algn="ctr" rotWithShape="0">
                      <a:srgbClr val="808080"/>
                    </a:outerShdw>
                  </a:effectLst>
                </a14:hiddenEffects>
              </a:ext>
            </a:extLst>
          </xdr:spPr>
        </xdr:sp>
        <xdr:clientData/>
      </xdr:twoCellAnchor>
    </mc:Choice>
    <mc:Fallback/>
  </mc:AlternateContent>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package" Target="../embeddings/Microsoft_Excel_Worksheet2.xlsx"/><Relationship Id="rId13" Type="http://schemas.openxmlformats.org/officeDocument/2006/relationships/image" Target="../media/image5.emf"/><Relationship Id="rId3" Type="http://schemas.openxmlformats.org/officeDocument/2006/relationships/vmlDrawing" Target="../drawings/vmlDrawing1.vml"/><Relationship Id="rId7" Type="http://schemas.openxmlformats.org/officeDocument/2006/relationships/image" Target="../media/image2.emf"/><Relationship Id="rId12" Type="http://schemas.openxmlformats.org/officeDocument/2006/relationships/package" Target="../embeddings/Microsoft_Excel_Worksheet4.xlsx"/><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package" Target="../embeddings/Microsoft_Excel_Worksheet1.xlsx"/><Relationship Id="rId11" Type="http://schemas.openxmlformats.org/officeDocument/2006/relationships/image" Target="../media/image4.emf"/><Relationship Id="rId5" Type="http://schemas.openxmlformats.org/officeDocument/2006/relationships/image" Target="../media/image1.emf"/><Relationship Id="rId10" Type="http://schemas.openxmlformats.org/officeDocument/2006/relationships/package" Target="../embeddings/Microsoft_Excel_Worksheet3.xlsx"/><Relationship Id="rId4" Type="http://schemas.openxmlformats.org/officeDocument/2006/relationships/package" Target="../embeddings/Microsoft_Excel_Worksheet.xlsx"/><Relationship Id="rId9" Type="http://schemas.openxmlformats.org/officeDocument/2006/relationships/image" Target="../media/image3.emf"/></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FE6DD3-E126-4C51-8714-E436EA222A5B}">
  <dimension ref="B4:D39"/>
  <sheetViews>
    <sheetView showGridLines="0" tabSelected="1" topLeftCell="B1" zoomScale="80" zoomScaleNormal="80" workbookViewId="0">
      <selection activeCell="C38" sqref="C38"/>
    </sheetView>
  </sheetViews>
  <sheetFormatPr defaultRowHeight="14.25" x14ac:dyDescent="0.2"/>
  <cols>
    <col min="1" max="1" width="9.140625" style="2"/>
    <col min="2" max="2" width="7" style="2" customWidth="1"/>
    <col min="3" max="3" width="141.28515625" style="2" customWidth="1"/>
    <col min="4" max="4" width="82" style="2" customWidth="1"/>
    <col min="5" max="16384" width="9.140625" style="2"/>
  </cols>
  <sheetData>
    <row r="4" spans="2:4" ht="22.5" customHeight="1" x14ac:dyDescent="0.25">
      <c r="B4" s="1" t="s">
        <v>1</v>
      </c>
      <c r="C4" s="1" t="s">
        <v>0</v>
      </c>
      <c r="D4" s="1" t="s">
        <v>2</v>
      </c>
    </row>
    <row r="5" spans="2:4" ht="134.25" customHeight="1" x14ac:dyDescent="0.2">
      <c r="B5" s="3">
        <v>1</v>
      </c>
      <c r="C5" s="4" t="s">
        <v>3</v>
      </c>
      <c r="D5" s="5"/>
    </row>
    <row r="6" spans="2:4" ht="153.75" customHeight="1" x14ac:dyDescent="0.2">
      <c r="B6" s="3">
        <v>2</v>
      </c>
      <c r="C6" s="5" t="s">
        <v>4</v>
      </c>
      <c r="D6" s="6"/>
    </row>
    <row r="7" spans="2:4" ht="105.75" customHeight="1" x14ac:dyDescent="0.2">
      <c r="B7" s="3">
        <v>3</v>
      </c>
      <c r="C7" s="7" t="s">
        <v>5</v>
      </c>
      <c r="D7" s="5"/>
    </row>
    <row r="8" spans="2:4" ht="60" customHeight="1" x14ac:dyDescent="0.2">
      <c r="B8" s="3">
        <v>4</v>
      </c>
      <c r="C8" s="7" t="s">
        <v>6</v>
      </c>
      <c r="D8" s="5" t="s">
        <v>7</v>
      </c>
    </row>
    <row r="9" spans="2:4" ht="66" customHeight="1" x14ac:dyDescent="0.2">
      <c r="B9" s="3">
        <v>5</v>
      </c>
      <c r="C9" s="7" t="s">
        <v>8</v>
      </c>
      <c r="D9" s="7" t="s">
        <v>9</v>
      </c>
    </row>
    <row r="10" spans="2:4" ht="75" customHeight="1" x14ac:dyDescent="0.2">
      <c r="B10" s="3">
        <v>6</v>
      </c>
      <c r="C10" s="7" t="s">
        <v>12</v>
      </c>
      <c r="D10" s="7" t="s">
        <v>10</v>
      </c>
    </row>
    <row r="11" spans="2:4" ht="63.75" customHeight="1" x14ac:dyDescent="0.2">
      <c r="B11" s="3">
        <v>7</v>
      </c>
      <c r="C11" s="7" t="s">
        <v>11</v>
      </c>
      <c r="D11" s="7" t="s">
        <v>13</v>
      </c>
    </row>
    <row r="12" spans="2:4" ht="62.25" customHeight="1" x14ac:dyDescent="0.2">
      <c r="B12" s="3">
        <v>8</v>
      </c>
      <c r="C12" s="7" t="s">
        <v>14</v>
      </c>
      <c r="D12" s="8" t="s">
        <v>15</v>
      </c>
    </row>
    <row r="13" spans="2:4" ht="80.25" customHeight="1" x14ac:dyDescent="0.2">
      <c r="B13" s="3">
        <v>9</v>
      </c>
      <c r="C13" s="7" t="s">
        <v>16</v>
      </c>
      <c r="D13" s="7" t="s">
        <v>17</v>
      </c>
    </row>
    <row r="14" spans="2:4" ht="105" customHeight="1" x14ac:dyDescent="0.2">
      <c r="B14" s="3">
        <v>10</v>
      </c>
      <c r="C14" s="7" t="s">
        <v>18</v>
      </c>
      <c r="D14" s="5"/>
    </row>
    <row r="15" spans="2:4" ht="87" customHeight="1" x14ac:dyDescent="0.2">
      <c r="B15" s="3">
        <v>13</v>
      </c>
      <c r="C15" s="8" t="s">
        <v>19</v>
      </c>
      <c r="D15" s="7" t="s">
        <v>20</v>
      </c>
    </row>
    <row r="16" spans="2:4" ht="40.5" customHeight="1" x14ac:dyDescent="0.2">
      <c r="B16" s="3">
        <v>14</v>
      </c>
      <c r="C16" s="8" t="s">
        <v>21</v>
      </c>
      <c r="D16" s="8" t="s">
        <v>22</v>
      </c>
    </row>
    <row r="17" spans="2:4" ht="65.25" customHeight="1" x14ac:dyDescent="0.2">
      <c r="B17" s="3">
        <v>15</v>
      </c>
      <c r="C17" s="8" t="s">
        <v>23</v>
      </c>
      <c r="D17" s="7" t="s">
        <v>24</v>
      </c>
    </row>
    <row r="18" spans="2:4" ht="64.5" customHeight="1" x14ac:dyDescent="0.2">
      <c r="B18" s="3">
        <v>17</v>
      </c>
      <c r="C18" s="8" t="s">
        <v>25</v>
      </c>
      <c r="D18" s="8" t="s">
        <v>26</v>
      </c>
    </row>
    <row r="19" spans="2:4" ht="60.75" customHeight="1" x14ac:dyDescent="0.2">
      <c r="B19" s="3">
        <v>18</v>
      </c>
      <c r="C19" s="7" t="s">
        <v>27</v>
      </c>
      <c r="D19" s="8" t="s">
        <v>28</v>
      </c>
    </row>
    <row r="20" spans="2:4" ht="77.25" customHeight="1" x14ac:dyDescent="0.2">
      <c r="B20" s="3">
        <v>19</v>
      </c>
      <c r="C20" s="8" t="s">
        <v>29</v>
      </c>
      <c r="D20" s="7" t="s">
        <v>30</v>
      </c>
    </row>
    <row r="21" spans="2:4" ht="69.75" customHeight="1" x14ac:dyDescent="0.2">
      <c r="B21" s="3">
        <v>20</v>
      </c>
      <c r="C21" s="8" t="s">
        <v>31</v>
      </c>
      <c r="D21" s="7" t="s">
        <v>32</v>
      </c>
    </row>
    <row r="22" spans="2:4" ht="41.25" customHeight="1" x14ac:dyDescent="0.2">
      <c r="B22" s="3">
        <v>21</v>
      </c>
      <c r="C22" s="7" t="s">
        <v>33</v>
      </c>
      <c r="D22" s="7" t="s">
        <v>34</v>
      </c>
    </row>
    <row r="23" spans="2:4" ht="100.5" customHeight="1" x14ac:dyDescent="0.2">
      <c r="B23" s="3">
        <v>22</v>
      </c>
      <c r="C23" s="7" t="s">
        <v>35</v>
      </c>
      <c r="D23" s="7" t="s">
        <v>36</v>
      </c>
    </row>
    <row r="24" spans="2:4" ht="85.5" x14ac:dyDescent="0.2">
      <c r="B24" s="3">
        <v>23</v>
      </c>
      <c r="C24" s="7" t="s">
        <v>37</v>
      </c>
      <c r="D24" s="7" t="s">
        <v>38</v>
      </c>
    </row>
    <row r="25" spans="2:4" ht="57" x14ac:dyDescent="0.2">
      <c r="B25" s="3">
        <v>26</v>
      </c>
      <c r="C25" s="7" t="s">
        <v>39</v>
      </c>
      <c r="D25" s="7" t="s">
        <v>40</v>
      </c>
    </row>
    <row r="26" spans="2:4" ht="114" x14ac:dyDescent="0.2">
      <c r="B26" s="3">
        <v>27</v>
      </c>
      <c r="C26" s="7" t="s">
        <v>41</v>
      </c>
      <c r="D26" s="7" t="s">
        <v>42</v>
      </c>
    </row>
    <row r="27" spans="2:4" ht="85.5" x14ac:dyDescent="0.2">
      <c r="B27" s="3">
        <v>28</v>
      </c>
      <c r="C27" s="7" t="s">
        <v>43</v>
      </c>
      <c r="D27" s="7" t="s">
        <v>44</v>
      </c>
    </row>
    <row r="28" spans="2:4" ht="82.5" customHeight="1" x14ac:dyDescent="0.2">
      <c r="B28" s="3">
        <v>29</v>
      </c>
      <c r="C28" s="7" t="s">
        <v>45</v>
      </c>
      <c r="D28" s="7" t="s">
        <v>46</v>
      </c>
    </row>
    <row r="29" spans="2:4" ht="48" customHeight="1" x14ac:dyDescent="0.2">
      <c r="B29" s="3">
        <v>30</v>
      </c>
      <c r="C29" s="8" t="s">
        <v>47</v>
      </c>
      <c r="D29" s="7" t="s">
        <v>48</v>
      </c>
    </row>
    <row r="30" spans="2:4" ht="57.75" customHeight="1" x14ac:dyDescent="0.2">
      <c r="B30" s="3">
        <v>31</v>
      </c>
      <c r="C30" s="9" t="s">
        <v>49</v>
      </c>
      <c r="D30" s="7" t="s">
        <v>50</v>
      </c>
    </row>
    <row r="31" spans="2:4" ht="58.5" customHeight="1" x14ac:dyDescent="0.2">
      <c r="B31" s="3">
        <v>32</v>
      </c>
      <c r="C31" s="8" t="s">
        <v>51</v>
      </c>
      <c r="D31" s="7" t="s">
        <v>32</v>
      </c>
    </row>
    <row r="32" spans="2:4" ht="44.25" customHeight="1" x14ac:dyDescent="0.2">
      <c r="B32" s="3">
        <v>33</v>
      </c>
      <c r="C32" s="8" t="s">
        <v>52</v>
      </c>
      <c r="D32" s="7" t="s">
        <v>53</v>
      </c>
    </row>
    <row r="39" spans="3:3" x14ac:dyDescent="0.2">
      <c r="C39" s="8"/>
    </row>
  </sheetData>
  <pageMargins left="0.7" right="0.7" top="0.75" bottom="0.75" header="0.3" footer="0.3"/>
  <pageSetup paperSize="9" orientation="portrait" r:id="rId1"/>
  <drawing r:id="rId2"/>
  <legacyDrawing r:id="rId3"/>
  <oleObjects>
    <mc:AlternateContent xmlns:mc="http://schemas.openxmlformats.org/markup-compatibility/2006">
      <mc:Choice Requires="x14">
        <oleObject progId="Worksheet" dvAspect="DVASPECT_ICON" shapeId="1028" r:id="rId4">
          <objectPr defaultSize="0" autoPict="0" r:id="rId5">
            <anchor moveWithCells="1">
              <from>
                <xdr:col>3</xdr:col>
                <xdr:colOff>885825</xdr:colOff>
                <xdr:row>4</xdr:row>
                <xdr:rowOff>276225</xdr:rowOff>
              </from>
              <to>
                <xdr:col>3</xdr:col>
                <xdr:colOff>2609850</xdr:colOff>
                <xdr:row>4</xdr:row>
                <xdr:rowOff>1581150</xdr:rowOff>
              </to>
            </anchor>
          </objectPr>
        </oleObject>
      </mc:Choice>
      <mc:Fallback>
        <oleObject progId="Worksheet" dvAspect="DVASPECT_ICON" shapeId="1028" r:id="rId4"/>
      </mc:Fallback>
    </mc:AlternateContent>
    <mc:AlternateContent xmlns:mc="http://schemas.openxmlformats.org/markup-compatibility/2006">
      <mc:Choice Requires="x14">
        <oleObject progId="Worksheet" dvAspect="DVASPECT_ICON" shapeId="1029" r:id="rId6">
          <objectPr defaultSize="0" autoPict="0" r:id="rId7">
            <anchor moveWithCells="1">
              <from>
                <xdr:col>3</xdr:col>
                <xdr:colOff>571500</xdr:colOff>
                <xdr:row>5</xdr:row>
                <xdr:rowOff>581025</xdr:rowOff>
              </from>
              <to>
                <xdr:col>3</xdr:col>
                <xdr:colOff>2219325</xdr:colOff>
                <xdr:row>5</xdr:row>
                <xdr:rowOff>1819275</xdr:rowOff>
              </to>
            </anchor>
          </objectPr>
        </oleObject>
      </mc:Choice>
      <mc:Fallback>
        <oleObject progId="Worksheet" dvAspect="DVASPECT_ICON" shapeId="1029" r:id="rId6"/>
      </mc:Fallback>
    </mc:AlternateContent>
    <mc:AlternateContent xmlns:mc="http://schemas.openxmlformats.org/markup-compatibility/2006">
      <mc:Choice Requires="x14">
        <oleObject progId="Worksheet" dvAspect="DVASPECT_ICON" shapeId="1030" r:id="rId8">
          <objectPr defaultSize="0" autoPict="0" r:id="rId9">
            <anchor moveWithCells="1">
              <from>
                <xdr:col>3</xdr:col>
                <xdr:colOff>2838450</xdr:colOff>
                <xdr:row>5</xdr:row>
                <xdr:rowOff>561975</xdr:rowOff>
              </from>
              <to>
                <xdr:col>3</xdr:col>
                <xdr:colOff>4552950</xdr:colOff>
                <xdr:row>5</xdr:row>
                <xdr:rowOff>1847850</xdr:rowOff>
              </to>
            </anchor>
          </objectPr>
        </oleObject>
      </mc:Choice>
      <mc:Fallback>
        <oleObject progId="Worksheet" dvAspect="DVASPECT_ICON" shapeId="1030" r:id="rId8"/>
      </mc:Fallback>
    </mc:AlternateContent>
    <mc:AlternateContent xmlns:mc="http://schemas.openxmlformats.org/markup-compatibility/2006">
      <mc:Choice Requires="x14">
        <oleObject progId="Worksheet" dvAspect="DVASPECT_ICON" shapeId="1031" r:id="rId10">
          <objectPr defaultSize="0" autoPict="0" r:id="rId11">
            <anchor moveWithCells="1">
              <from>
                <xdr:col>3</xdr:col>
                <xdr:colOff>1333500</xdr:colOff>
                <xdr:row>6</xdr:row>
                <xdr:rowOff>95250</xdr:rowOff>
              </from>
              <to>
                <xdr:col>3</xdr:col>
                <xdr:colOff>2819400</xdr:colOff>
                <xdr:row>6</xdr:row>
                <xdr:rowOff>1209675</xdr:rowOff>
              </to>
            </anchor>
          </objectPr>
        </oleObject>
      </mc:Choice>
      <mc:Fallback>
        <oleObject progId="Worksheet" dvAspect="DVASPECT_ICON" shapeId="1031" r:id="rId10"/>
      </mc:Fallback>
    </mc:AlternateContent>
    <mc:AlternateContent xmlns:mc="http://schemas.openxmlformats.org/markup-compatibility/2006">
      <mc:Choice Requires="x14">
        <oleObject progId="Worksheet" dvAspect="DVASPECT_ICON" shapeId="1032" r:id="rId12">
          <objectPr defaultSize="0" autoPict="0" r:id="rId13">
            <anchor moveWithCells="1">
              <from>
                <xdr:col>3</xdr:col>
                <xdr:colOff>1009650</xdr:colOff>
                <xdr:row>13</xdr:row>
                <xdr:rowOff>95250</xdr:rowOff>
              </from>
              <to>
                <xdr:col>3</xdr:col>
                <xdr:colOff>2476500</xdr:colOff>
                <xdr:row>13</xdr:row>
                <xdr:rowOff>1190625</xdr:rowOff>
              </to>
            </anchor>
          </objectPr>
        </oleObject>
      </mc:Choice>
      <mc:Fallback>
        <oleObject progId="Worksheet" dvAspect="DVASPECT_ICON" shapeId="1032" r:id="rId12"/>
      </mc:Fallback>
    </mc:AlternateContent>
  </oleObjec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Company>SAR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Zamo Latha</dc:creator>
  <cp:lastModifiedBy>Zamo Latha</cp:lastModifiedBy>
  <dcterms:created xsi:type="dcterms:W3CDTF">2022-05-19T11:49:56Z</dcterms:created>
  <dcterms:modified xsi:type="dcterms:W3CDTF">2022-05-25T11:44:33Z</dcterms:modified>
</cp:coreProperties>
</file>